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rumm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Graphics, logo&#10;&#10;Automatisch gegenereerde beschrijving">
            <a:extLst>
              <a:ext uri="{FF2B5EF4-FFF2-40B4-BE49-F238E27FC236}">
                <a16:creationId xmlns:a16="http://schemas.microsoft.com/office/drawing/2014/main" id="{28DA44D1-3E34-44C4-FD72-6A94D447DBB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5231" y="4521986"/>
            <a:ext cx="2083956" cy="208812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7B8E018A-63C9-72CE-8850-0CDE8AF0DAF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7585" y="3920586"/>
            <a:ext cx="1361915" cy="136463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2-02T10:31:22Z</dcterms:modified>
</cp:coreProperties>
</file>